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1</definedName>
    <definedName name="_xlnm.Print_Area" localSheetId="0">公表用!$A$1:$I$12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52">
  <si>
    <t>年度</t>
    <rPh sb="0" eb="2">
      <t>ネンド</t>
    </rPh>
    <phoneticPr fontId="4"/>
  </si>
  <si>
    <t>局名</t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人事委員会事務局</t>
  </si>
  <si>
    <t>376273</t>
  </si>
  <si>
    <t>図書の購入（給与小六法令和２年度版ほか）</t>
  </si>
  <si>
    <t>有限会社　高橋書店　取締役　鈴木　新市</t>
  </si>
  <si>
    <t>8020002043632</t>
  </si>
  <si>
    <t>379346</t>
  </si>
  <si>
    <t>追録代（新日本法規）第２回</t>
  </si>
  <si>
    <t>新日本法規出版（株）　代表取締役社長　星　謙一郎</t>
  </si>
  <si>
    <t>5180001036822</t>
  </si>
  <si>
    <t>386614</t>
  </si>
  <si>
    <t>消耗品代（USBケーブル）</t>
  </si>
  <si>
    <t>株式会社　ヤマダ電機　横浜新山下営業所　所長　栗原　直規</t>
  </si>
  <si>
    <t>4070001011201</t>
  </si>
  <si>
    <t>389244</t>
  </si>
  <si>
    <t>複写機用再生紙代（９月分）</t>
  </si>
  <si>
    <t>桔梗屋紙商事株式会社　代表取締役　早瀬　照洋</t>
  </si>
  <si>
    <t>5020001128924</t>
  </si>
  <si>
    <t>399058</t>
  </si>
  <si>
    <t>消耗品代（吸水袋）</t>
  </si>
  <si>
    <t>繁和産業（株）　東京支店長　吉村　政信</t>
  </si>
  <si>
    <t>9120001087611</t>
  </si>
  <si>
    <t>447900</t>
  </si>
  <si>
    <t>消耗品（会議用テーブル）購入代</t>
  </si>
  <si>
    <t>有限会社ヤマキ文具店　代表取締役　八巻　健司</t>
  </si>
  <si>
    <t>7020002052519</t>
  </si>
  <si>
    <t>464957</t>
  </si>
  <si>
    <t>図書（安衛法便覧）の購入代</t>
  </si>
  <si>
    <t>株式会社　労働調査会　代表取締役　藤澤　直明</t>
  </si>
  <si>
    <t>9013301012464</t>
  </si>
  <si>
    <t>468348</t>
  </si>
  <si>
    <t>追録代（地方公務員給与事務総覧ほか）</t>
  </si>
  <si>
    <t>第一法規（株）　代表取締役社長　田中　英弥</t>
  </si>
  <si>
    <t>7010401017486</t>
  </si>
  <si>
    <t>468522</t>
  </si>
  <si>
    <t>追録代（行政凡例集成　公務員編）</t>
  </si>
  <si>
    <t>（株）ぎょうせい　東京支社長　大川　和弘</t>
  </si>
  <si>
    <t>1010001100425</t>
  </si>
  <si>
    <t>499808</t>
  </si>
  <si>
    <t>消耗品（養生テープほか）購入代</t>
  </si>
  <si>
    <t>（株）有隣堂　代表取締役　松信　裕</t>
  </si>
  <si>
    <t>2020001029308</t>
  </si>
  <si>
    <t>524852</t>
  </si>
  <si>
    <t>追録代（公務員人事関係判定集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12"/>
  <sheetViews>
    <sheetView tabSelected="1" zoomScaleNormal="100" workbookViewId="0">
      <pane ySplit="1" topLeftCell="A2" activePane="bottomLeft" state="frozen"/>
      <selection pane="bottomLeft" activeCell="F14" sqref="F14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</v>
      </c>
      <c r="C1" s="1" t="s">
        <v>2</v>
      </c>
      <c r="D1" s="2" t="s">
        <v>3</v>
      </c>
      <c r="E1" s="1" t="s">
        <v>4</v>
      </c>
      <c r="F1" s="1" t="s">
        <v>5</v>
      </c>
      <c r="G1" s="2" t="s">
        <v>6</v>
      </c>
      <c r="H1" s="2" t="s">
        <v>7</v>
      </c>
      <c r="I1" s="1" t="s">
        <v>8</v>
      </c>
    </row>
    <row r="2" spans="1:9" ht="24" x14ac:dyDescent="0.2">
      <c r="A2" s="4">
        <v>43556</v>
      </c>
      <c r="B2" s="5" t="s">
        <v>9</v>
      </c>
      <c r="C2" s="5" t="s">
        <v>9</v>
      </c>
      <c r="D2" s="6" t="s">
        <v>10</v>
      </c>
      <c r="E2" s="5" t="s">
        <v>11</v>
      </c>
      <c r="F2" s="7">
        <v>65417</v>
      </c>
      <c r="G2" s="5" t="s">
        <v>12</v>
      </c>
      <c r="H2" s="6" t="s">
        <v>13</v>
      </c>
      <c r="I2" s="8">
        <v>43745</v>
      </c>
    </row>
    <row r="3" spans="1:9" ht="24" x14ac:dyDescent="0.2">
      <c r="A3" s="4">
        <v>43556</v>
      </c>
      <c r="B3" s="5" t="s">
        <v>9</v>
      </c>
      <c r="C3" s="5" t="s">
        <v>9</v>
      </c>
      <c r="D3" s="6" t="s">
        <v>14</v>
      </c>
      <c r="E3" s="5" t="s">
        <v>15</v>
      </c>
      <c r="F3" s="7">
        <v>33283</v>
      </c>
      <c r="G3" s="5" t="s">
        <v>16</v>
      </c>
      <c r="H3" s="6" t="s">
        <v>17</v>
      </c>
      <c r="I3" s="8">
        <v>43747</v>
      </c>
    </row>
    <row r="4" spans="1:9" ht="24" x14ac:dyDescent="0.2">
      <c r="A4" s="4">
        <v>43556</v>
      </c>
      <c r="B4" s="5" t="s">
        <v>9</v>
      </c>
      <c r="C4" s="5" t="s">
        <v>9</v>
      </c>
      <c r="D4" s="6" t="s">
        <v>18</v>
      </c>
      <c r="E4" s="5" t="s">
        <v>19</v>
      </c>
      <c r="F4" s="7">
        <v>660</v>
      </c>
      <c r="G4" s="5" t="s">
        <v>20</v>
      </c>
      <c r="H4" s="6" t="s">
        <v>21</v>
      </c>
      <c r="I4" s="8">
        <v>43748</v>
      </c>
    </row>
    <row r="5" spans="1:9" ht="24" x14ac:dyDescent="0.2">
      <c r="A5" s="4">
        <v>43556</v>
      </c>
      <c r="B5" s="5" t="s">
        <v>9</v>
      </c>
      <c r="C5" s="5" t="s">
        <v>9</v>
      </c>
      <c r="D5" s="6" t="s">
        <v>22</v>
      </c>
      <c r="E5" s="5" t="s">
        <v>23</v>
      </c>
      <c r="F5" s="7">
        <v>123033</v>
      </c>
      <c r="G5" s="5" t="s">
        <v>24</v>
      </c>
      <c r="H5" s="6" t="s">
        <v>25</v>
      </c>
      <c r="I5" s="8">
        <v>43753</v>
      </c>
    </row>
    <row r="6" spans="1:9" ht="24" x14ac:dyDescent="0.2">
      <c r="A6" s="4">
        <v>43556</v>
      </c>
      <c r="B6" s="5" t="s">
        <v>9</v>
      </c>
      <c r="C6" s="5" t="s">
        <v>9</v>
      </c>
      <c r="D6" s="6" t="s">
        <v>26</v>
      </c>
      <c r="E6" s="5" t="s">
        <v>27</v>
      </c>
      <c r="F6" s="7">
        <v>44000</v>
      </c>
      <c r="G6" s="5" t="s">
        <v>28</v>
      </c>
      <c r="H6" s="6" t="s">
        <v>29</v>
      </c>
      <c r="I6" s="8">
        <v>43755</v>
      </c>
    </row>
    <row r="7" spans="1:9" ht="24" x14ac:dyDescent="0.2">
      <c r="A7" s="4">
        <v>43556</v>
      </c>
      <c r="B7" s="5" t="s">
        <v>9</v>
      </c>
      <c r="C7" s="5" t="s">
        <v>9</v>
      </c>
      <c r="D7" s="6" t="s">
        <v>30</v>
      </c>
      <c r="E7" s="5" t="s">
        <v>31</v>
      </c>
      <c r="F7" s="7">
        <v>49940</v>
      </c>
      <c r="G7" s="5" t="s">
        <v>32</v>
      </c>
      <c r="H7" s="6" t="s">
        <v>33</v>
      </c>
      <c r="I7" s="8">
        <v>43776</v>
      </c>
    </row>
    <row r="8" spans="1:9" ht="24" x14ac:dyDescent="0.2">
      <c r="A8" s="4">
        <v>43556</v>
      </c>
      <c r="B8" s="5" t="s">
        <v>9</v>
      </c>
      <c r="C8" s="5" t="s">
        <v>9</v>
      </c>
      <c r="D8" s="6" t="s">
        <v>34</v>
      </c>
      <c r="E8" s="5" t="s">
        <v>35</v>
      </c>
      <c r="F8" s="7">
        <v>17215</v>
      </c>
      <c r="G8" s="5" t="s">
        <v>36</v>
      </c>
      <c r="H8" s="6" t="s">
        <v>37</v>
      </c>
      <c r="I8" s="8">
        <v>43787</v>
      </c>
    </row>
    <row r="9" spans="1:9" ht="24" x14ac:dyDescent="0.2">
      <c r="A9" s="4">
        <v>43556</v>
      </c>
      <c r="B9" s="5" t="s">
        <v>9</v>
      </c>
      <c r="C9" s="5" t="s">
        <v>9</v>
      </c>
      <c r="D9" s="6" t="s">
        <v>38</v>
      </c>
      <c r="E9" s="5" t="s">
        <v>39</v>
      </c>
      <c r="F9" s="7">
        <v>170858</v>
      </c>
      <c r="G9" s="5" t="s">
        <v>40</v>
      </c>
      <c r="H9" s="6" t="s">
        <v>41</v>
      </c>
      <c r="I9" s="8">
        <v>43787</v>
      </c>
    </row>
    <row r="10" spans="1:9" ht="24" x14ac:dyDescent="0.2">
      <c r="A10" s="4">
        <v>43556</v>
      </c>
      <c r="B10" s="5" t="s">
        <v>9</v>
      </c>
      <c r="C10" s="5" t="s">
        <v>9</v>
      </c>
      <c r="D10" s="6" t="s">
        <v>42</v>
      </c>
      <c r="E10" s="5" t="s">
        <v>43</v>
      </c>
      <c r="F10" s="7">
        <v>45738</v>
      </c>
      <c r="G10" s="5" t="s">
        <v>44</v>
      </c>
      <c r="H10" s="6" t="s">
        <v>45</v>
      </c>
      <c r="I10" s="8">
        <v>43787</v>
      </c>
    </row>
    <row r="11" spans="1:9" ht="24" x14ac:dyDescent="0.2">
      <c r="A11" s="4">
        <v>43556</v>
      </c>
      <c r="B11" s="5" t="s">
        <v>9</v>
      </c>
      <c r="C11" s="5" t="s">
        <v>9</v>
      </c>
      <c r="D11" s="6" t="s">
        <v>46</v>
      </c>
      <c r="E11" s="5" t="s">
        <v>47</v>
      </c>
      <c r="F11" s="7">
        <v>24354</v>
      </c>
      <c r="G11" s="5" t="s">
        <v>48</v>
      </c>
      <c r="H11" s="6" t="s">
        <v>49</v>
      </c>
      <c r="I11" s="8">
        <v>43796</v>
      </c>
    </row>
    <row r="12" spans="1:9" ht="24" x14ac:dyDescent="0.2">
      <c r="A12" s="4">
        <v>43556</v>
      </c>
      <c r="B12" s="5" t="s">
        <v>9</v>
      </c>
      <c r="C12" s="5" t="s">
        <v>9</v>
      </c>
      <c r="D12" s="6" t="s">
        <v>50</v>
      </c>
      <c r="E12" s="5" t="s">
        <v>51</v>
      </c>
      <c r="F12" s="7">
        <v>9665</v>
      </c>
      <c r="G12" s="5" t="s">
        <v>16</v>
      </c>
      <c r="H12" s="6" t="s">
        <v>17</v>
      </c>
      <c r="I12" s="8">
        <v>43805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0-03-03T09:14:34Z</dcterms:created>
  <dcterms:modified xsi:type="dcterms:W3CDTF">2020-03-26T05:25:29Z</dcterms:modified>
</cp:coreProperties>
</file>